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24861\Desktop\理事へ送付【第1次5月版】\"/>
    </mc:Choice>
  </mc:AlternateContent>
  <xr:revisionPtr revIDLastSave="0" documentId="13_ncr:1_{7E8D1505-F7E8-4521-A419-F19A90FD3B9C}" xr6:coauthVersionLast="47" xr6:coauthVersionMax="47" xr10:uidLastSave="{00000000-0000-0000-0000-000000000000}"/>
  <bookViews>
    <workbookView xWindow="390" yWindow="390" windowWidth="19200" windowHeight="10170" xr2:uid="{00000000-000D-0000-FFFF-FFFF00000000}"/>
  </bookViews>
  <sheets>
    <sheet name="専門部役員" sheetId="1" r:id="rId1"/>
  </sheets>
  <definedNames>
    <definedName name="_xlnm._FilterDatabase" localSheetId="0" hidden="1">専門部役員!$C$3:$E$50</definedName>
    <definedName name="_xlnm.Print_Titles" localSheetId="0">専門部役員!$1:$3</definedName>
  </definedNames>
  <calcPr calcId="145621"/>
</workbook>
</file>

<file path=xl/sharedStrings.xml><?xml version="1.0" encoding="utf-8"?>
<sst xmlns="http://schemas.openxmlformats.org/spreadsheetml/2006/main" count="195" uniqueCount="195">
  <si>
    <t>氏名</t>
    <rPh sb="0" eb="2">
      <t>シメイ</t>
    </rPh>
    <phoneticPr fontId="1"/>
  </si>
  <si>
    <t>福井県立三国高等学校</t>
    <rPh sb="4" eb="6">
      <t>ミクニ</t>
    </rPh>
    <phoneticPr fontId="1"/>
  </si>
  <si>
    <t>新潟県立高田高等学校</t>
    <rPh sb="0" eb="2">
      <t>ニイガタ</t>
    </rPh>
    <rPh sb="2" eb="4">
      <t>ケンリツ</t>
    </rPh>
    <rPh sb="4" eb="6">
      <t>タカダ</t>
    </rPh>
    <rPh sb="6" eb="8">
      <t>コウトウ</t>
    </rPh>
    <rPh sb="8" eb="10">
      <t>ガッコウ</t>
    </rPh>
    <phoneticPr fontId="1"/>
  </si>
  <si>
    <t>滋賀県立膳所高等学校</t>
  </si>
  <si>
    <t>鳥取県立米子南高等学校</t>
    <rPh sb="0" eb="2">
      <t>トットリ</t>
    </rPh>
    <rPh sb="2" eb="4">
      <t>ケンリツ</t>
    </rPh>
    <rPh sb="4" eb="6">
      <t>ヨナゴ</t>
    </rPh>
    <rPh sb="6" eb="7">
      <t>ミナミ</t>
    </rPh>
    <rPh sb="7" eb="9">
      <t>コウトウ</t>
    </rPh>
    <rPh sb="9" eb="11">
      <t>ガッコウ</t>
    </rPh>
    <phoneticPr fontId="1"/>
  </si>
  <si>
    <t>島根県立益田高等学校</t>
  </si>
  <si>
    <t>香川県立高松高等学校</t>
  </si>
  <si>
    <t>大分県立中津南高等学校</t>
    <rPh sb="0" eb="4">
      <t>オオイタケンリツ</t>
    </rPh>
    <rPh sb="4" eb="6">
      <t>ナカツ</t>
    </rPh>
    <rPh sb="6" eb="7">
      <t>ミナミ</t>
    </rPh>
    <rPh sb="7" eb="9">
      <t>コウトウ</t>
    </rPh>
    <rPh sb="9" eb="11">
      <t>ガッコウ</t>
    </rPh>
    <phoneticPr fontId="1"/>
  </si>
  <si>
    <t>077-523-2304</t>
  </si>
  <si>
    <t>0856-22-0044</t>
  </si>
  <si>
    <t>087-831-7251</t>
  </si>
  <si>
    <t>木村　俊昭</t>
  </si>
  <si>
    <t>岡田　千奈美</t>
  </si>
  <si>
    <t>0186-60-0151</t>
  </si>
  <si>
    <t>黒山　友景</t>
  </si>
  <si>
    <t>高崎健康福祉大学高崎高等学校</t>
  </si>
  <si>
    <t>奈良県立奈良高等学校</t>
  </si>
  <si>
    <t>矢ヶ部　京子</t>
  </si>
  <si>
    <t>暁高等学校</t>
    <rPh sb="0" eb="1">
      <t>アカツキ</t>
    </rPh>
    <phoneticPr fontId="1"/>
  </si>
  <si>
    <t>藤本　歩</t>
  </si>
  <si>
    <t>兵庫県立龍野高等学校</t>
  </si>
  <si>
    <t>富山県立桜井高等学校</t>
  </si>
  <si>
    <t>青森</t>
    <rPh sb="0" eb="2">
      <t>アオモリ</t>
    </rPh>
    <phoneticPr fontId="1"/>
  </si>
  <si>
    <t>岩手</t>
    <rPh sb="0" eb="2">
      <t>イワテ</t>
    </rPh>
    <phoneticPr fontId="1"/>
  </si>
  <si>
    <t>宮城</t>
    <rPh sb="0" eb="2">
      <t>ミヤギ</t>
    </rPh>
    <phoneticPr fontId="1"/>
  </si>
  <si>
    <t>秋田</t>
    <rPh sb="0" eb="2">
      <t>アキタ</t>
    </rPh>
    <phoneticPr fontId="1"/>
  </si>
  <si>
    <t>北海道</t>
    <rPh sb="0" eb="3">
      <t>ホッカイドウ</t>
    </rPh>
    <phoneticPr fontId="1"/>
  </si>
  <si>
    <t>山形</t>
    <rPh sb="0" eb="2">
      <t>ヤマガタ</t>
    </rPh>
    <phoneticPr fontId="1"/>
  </si>
  <si>
    <t>福島</t>
    <rPh sb="0" eb="2">
      <t>フクシマ</t>
    </rPh>
    <phoneticPr fontId="1"/>
  </si>
  <si>
    <t>茨城</t>
    <rPh sb="0" eb="2">
      <t>イバラキ</t>
    </rPh>
    <phoneticPr fontId="1"/>
  </si>
  <si>
    <t>栃木</t>
    <rPh sb="0" eb="2">
      <t>トチギ</t>
    </rPh>
    <phoneticPr fontId="1"/>
  </si>
  <si>
    <t>群馬</t>
    <rPh sb="0" eb="2">
      <t>グンマ</t>
    </rPh>
    <phoneticPr fontId="1"/>
  </si>
  <si>
    <t>埼玉</t>
    <rPh sb="0" eb="2">
      <t>サイタマ</t>
    </rPh>
    <phoneticPr fontId="1"/>
  </si>
  <si>
    <t>千葉</t>
    <rPh sb="0" eb="2">
      <t>チバ</t>
    </rPh>
    <phoneticPr fontId="1"/>
  </si>
  <si>
    <t>東京</t>
    <rPh sb="0" eb="2">
      <t>トウキョウ</t>
    </rPh>
    <phoneticPr fontId="1"/>
  </si>
  <si>
    <t>神奈川</t>
    <rPh sb="0" eb="3">
      <t>カナガワ</t>
    </rPh>
    <phoneticPr fontId="1"/>
  </si>
  <si>
    <t>新潟</t>
    <rPh sb="0" eb="2">
      <t>ニイガタ</t>
    </rPh>
    <phoneticPr fontId="1"/>
  </si>
  <si>
    <t>富山</t>
    <rPh sb="0" eb="2">
      <t>トヤマ</t>
    </rPh>
    <phoneticPr fontId="1"/>
  </si>
  <si>
    <t>石川</t>
    <rPh sb="0" eb="2">
      <t>イシカワ</t>
    </rPh>
    <phoneticPr fontId="1"/>
  </si>
  <si>
    <t>福井</t>
    <rPh sb="0" eb="2">
      <t>フクイ</t>
    </rPh>
    <phoneticPr fontId="1"/>
  </si>
  <si>
    <t>山梨</t>
    <rPh sb="0" eb="2">
      <t>ヤマナシ</t>
    </rPh>
    <phoneticPr fontId="1"/>
  </si>
  <si>
    <t>岐阜</t>
    <rPh sb="0" eb="2">
      <t>ギフ</t>
    </rPh>
    <phoneticPr fontId="1"/>
  </si>
  <si>
    <t>静岡</t>
    <rPh sb="0" eb="2">
      <t>シズオカ</t>
    </rPh>
    <phoneticPr fontId="1"/>
  </si>
  <si>
    <t>長野</t>
    <phoneticPr fontId="1"/>
  </si>
  <si>
    <t>愛知</t>
    <rPh sb="0" eb="2">
      <t>アイチ</t>
    </rPh>
    <phoneticPr fontId="1"/>
  </si>
  <si>
    <t>三重</t>
    <rPh sb="0" eb="2">
      <t>ミエ</t>
    </rPh>
    <phoneticPr fontId="1"/>
  </si>
  <si>
    <t>滋賀</t>
    <rPh sb="0" eb="2">
      <t>シガ</t>
    </rPh>
    <phoneticPr fontId="1"/>
  </si>
  <si>
    <t>京都</t>
    <rPh sb="0" eb="2">
      <t>キョウト</t>
    </rPh>
    <phoneticPr fontId="1"/>
  </si>
  <si>
    <t>大阪</t>
    <rPh sb="0" eb="2">
      <t>オオサカ</t>
    </rPh>
    <phoneticPr fontId="1"/>
  </si>
  <si>
    <t>兵庫</t>
    <rPh sb="0" eb="2">
      <t>ヒョウゴ</t>
    </rPh>
    <phoneticPr fontId="1"/>
  </si>
  <si>
    <t>奈良</t>
    <rPh sb="0" eb="2">
      <t>ナラ</t>
    </rPh>
    <phoneticPr fontId="1"/>
  </si>
  <si>
    <t>和歌山</t>
    <rPh sb="0" eb="3">
      <t>ワカヤマ</t>
    </rPh>
    <phoneticPr fontId="1"/>
  </si>
  <si>
    <t>鳥取</t>
    <rPh sb="0" eb="2">
      <t>トットリ</t>
    </rPh>
    <phoneticPr fontId="1"/>
  </si>
  <si>
    <t>島根</t>
    <rPh sb="0" eb="2">
      <t>シマネ</t>
    </rPh>
    <phoneticPr fontId="1"/>
  </si>
  <si>
    <t>岡山</t>
    <rPh sb="0" eb="2">
      <t>オカヤマ</t>
    </rPh>
    <phoneticPr fontId="1"/>
  </si>
  <si>
    <t>広島</t>
    <rPh sb="0" eb="2">
      <t>ヒロシマ</t>
    </rPh>
    <phoneticPr fontId="1"/>
  </si>
  <si>
    <t>山口</t>
    <rPh sb="0" eb="2">
      <t>ヤマグチ</t>
    </rPh>
    <phoneticPr fontId="1"/>
  </si>
  <si>
    <t>徳島</t>
    <rPh sb="0" eb="2">
      <t>トクシマ</t>
    </rPh>
    <phoneticPr fontId="1"/>
  </si>
  <si>
    <t>香川</t>
    <rPh sb="0" eb="2">
      <t>カガワ</t>
    </rPh>
    <phoneticPr fontId="1"/>
  </si>
  <si>
    <t>愛媛</t>
    <rPh sb="0" eb="2">
      <t>エヒメ</t>
    </rPh>
    <phoneticPr fontId="1"/>
  </si>
  <si>
    <t>高知</t>
    <rPh sb="0" eb="2">
      <t>コウチ</t>
    </rPh>
    <phoneticPr fontId="1"/>
  </si>
  <si>
    <t>佐賀</t>
    <rPh sb="0" eb="2">
      <t>サガ</t>
    </rPh>
    <phoneticPr fontId="1"/>
  </si>
  <si>
    <t>長崎</t>
    <rPh sb="0" eb="2">
      <t>ナガサキ</t>
    </rPh>
    <phoneticPr fontId="1"/>
  </si>
  <si>
    <t>熊本</t>
    <rPh sb="0" eb="2">
      <t>クマモト</t>
    </rPh>
    <phoneticPr fontId="1"/>
  </si>
  <si>
    <t>大分</t>
    <rPh sb="0" eb="2">
      <t>オオイタ</t>
    </rPh>
    <phoneticPr fontId="1"/>
  </si>
  <si>
    <t>宮崎</t>
    <rPh sb="0" eb="2">
      <t>ミヤザキ</t>
    </rPh>
    <phoneticPr fontId="1"/>
  </si>
  <si>
    <t>鹿児島</t>
    <rPh sb="0" eb="3">
      <t>カゴシマ</t>
    </rPh>
    <phoneticPr fontId="1"/>
  </si>
  <si>
    <t>沖縄</t>
    <rPh sb="0" eb="2">
      <t>オキナワ</t>
    </rPh>
    <phoneticPr fontId="1"/>
  </si>
  <si>
    <t>都道府県</t>
    <rPh sb="0" eb="4">
      <t>トドウフケン</t>
    </rPh>
    <phoneticPr fontId="1"/>
  </si>
  <si>
    <t>連絡先</t>
    <rPh sb="0" eb="3">
      <t>レンラクサキ</t>
    </rPh>
    <phoneticPr fontId="1"/>
  </si>
  <si>
    <t>所属</t>
    <rPh sb="0" eb="2">
      <t>ショゾク</t>
    </rPh>
    <phoneticPr fontId="1"/>
  </si>
  <si>
    <t>0765-52-0120</t>
  </si>
  <si>
    <t>松田　佳江</t>
  </si>
  <si>
    <t>札幌大谷高等学校</t>
  </si>
  <si>
    <t>日髙　好光</t>
    <rPh sb="1" eb="2">
      <t>タカ</t>
    </rPh>
    <phoneticPr fontId="1"/>
  </si>
  <si>
    <t>上原　瞬</t>
    <rPh sb="0" eb="2">
      <t>ウエハラ</t>
    </rPh>
    <rPh sb="3" eb="4">
      <t>シュン</t>
    </rPh>
    <phoneticPr fontId="1"/>
  </si>
  <si>
    <t>福岡</t>
    <phoneticPr fontId="1"/>
  </si>
  <si>
    <t>木田　誠一</t>
    <rPh sb="0" eb="2">
      <t>キダ</t>
    </rPh>
    <rPh sb="3" eb="5">
      <t>セイイチ</t>
    </rPh>
    <phoneticPr fontId="1"/>
  </si>
  <si>
    <t>伊東　寿子</t>
    <rPh sb="1" eb="2">
      <t>ヒガシ</t>
    </rPh>
    <phoneticPr fontId="1"/>
  </si>
  <si>
    <t>藤田　有希子</t>
  </si>
  <si>
    <t>山中　恵</t>
  </si>
  <si>
    <t>西峯　昌道</t>
    <rPh sb="0" eb="1">
      <t>ニシ</t>
    </rPh>
    <rPh sb="1" eb="2">
      <t>ミネ</t>
    </rPh>
    <rPh sb="3" eb="5">
      <t>マサミチ</t>
    </rPh>
    <phoneticPr fontId="1"/>
  </si>
  <si>
    <t>錦戸　真介</t>
  </si>
  <si>
    <t>青森県立鰺ヶ沢高等学校</t>
  </si>
  <si>
    <t>福島県立安積黎明高等学校</t>
  </si>
  <si>
    <t>埼玉県立日高高等学校</t>
    <rPh sb="0" eb="10">
      <t>サイタマケンリツヒダカコウトウガッコウ</t>
    </rPh>
    <phoneticPr fontId="1"/>
  </si>
  <si>
    <t>佐賀県立鳥栖高等学校</t>
    <rPh sb="0" eb="4">
      <t>サガケンリツ</t>
    </rPh>
    <rPh sb="4" eb="6">
      <t>トス</t>
    </rPh>
    <rPh sb="6" eb="8">
      <t>コウトウ</t>
    </rPh>
    <rPh sb="8" eb="10">
      <t>ガッコウ</t>
    </rPh>
    <phoneticPr fontId="1"/>
  </si>
  <si>
    <t>熊本県立熊本西高等学校</t>
  </si>
  <si>
    <t>宮崎県立宮崎西高等学校</t>
  </si>
  <si>
    <t>沖縄県立那覇国際高等学校</t>
  </si>
  <si>
    <t>011-731-2451</t>
  </si>
  <si>
    <t>0173-72-2106</t>
  </si>
  <si>
    <t>024-932-0443</t>
  </si>
  <si>
    <t>027-352-3460</t>
  </si>
  <si>
    <t>042-989-7920</t>
  </si>
  <si>
    <t>055-226-8377</t>
  </si>
  <si>
    <t>025-526-2325</t>
  </si>
  <si>
    <t>0776-81-3255</t>
  </si>
  <si>
    <t>059-337-1213</t>
  </si>
  <si>
    <t>0791-62-0886</t>
  </si>
  <si>
    <t>0859-33-1641</t>
  </si>
  <si>
    <t xml:space="preserve">0942-83-2211 </t>
  </si>
  <si>
    <t>096-329-3711</t>
  </si>
  <si>
    <t>0979-22-0224</t>
  </si>
  <si>
    <t>0985-48-1021</t>
  </si>
  <si>
    <t>098-860-5931</t>
  </si>
  <si>
    <t>※各都道府県の取りまとめ締切は、それぞれ別に定めております。担当者にお尋ね下さい。</t>
    <phoneticPr fontId="1"/>
  </si>
  <si>
    <t>齋藤　久美</t>
  </si>
  <si>
    <t>村田　隆太郎</t>
  </si>
  <si>
    <t>大辻　尚子 </t>
  </si>
  <si>
    <t>穂谷　千尋</t>
  </si>
  <si>
    <t>加藤　淳志</t>
  </si>
  <si>
    <t>山中　伊織</t>
  </si>
  <si>
    <t>中山　知子</t>
  </si>
  <si>
    <t>岩手県立一関第一高等学校</t>
  </si>
  <si>
    <t>都立白鷗高等学校</t>
  </si>
  <si>
    <t>長野県長野高等学校</t>
    <rPh sb="0" eb="3">
      <t>ナガノケン</t>
    </rPh>
    <phoneticPr fontId="1"/>
  </si>
  <si>
    <t>鶯谷高等学校</t>
    <rPh sb="2" eb="4">
      <t>コウトウ</t>
    </rPh>
    <rPh sb="4" eb="6">
      <t>ガッコウ</t>
    </rPh>
    <phoneticPr fontId="1"/>
  </si>
  <si>
    <t>静岡県立沼津東高等学校</t>
  </si>
  <si>
    <t>愛媛県立吉田高等学校</t>
  </si>
  <si>
    <t>青雲学園青雲高等学校</t>
  </si>
  <si>
    <t>0191-23-4311</t>
  </si>
  <si>
    <t>026-234-1215</t>
  </si>
  <si>
    <t>058-265-7571</t>
  </si>
  <si>
    <t>055-921-0341</t>
  </si>
  <si>
    <t>0742-71-2477</t>
  </si>
  <si>
    <t>0895-52-0565</t>
  </si>
  <si>
    <t>095-882-0678</t>
  </si>
  <si>
    <t>金子　賢太郎</t>
    <rPh sb="0" eb="2">
      <t>カネコ</t>
    </rPh>
    <rPh sb="3" eb="6">
      <t>ケンタロウ</t>
    </rPh>
    <phoneticPr fontId="1"/>
  </si>
  <si>
    <t>幸坂　恭寛</t>
    <rPh sb="0" eb="2">
      <t>コウサカ</t>
    </rPh>
    <rPh sb="3" eb="4">
      <t>ウヤウヤ</t>
    </rPh>
    <rPh sb="4" eb="5">
      <t>ヒロシ</t>
    </rPh>
    <phoneticPr fontId="1"/>
  </si>
  <si>
    <t>多賀　郁乃</t>
  </si>
  <si>
    <t>飯島　周</t>
  </si>
  <si>
    <t>本間　奏恵</t>
  </si>
  <si>
    <t>長尾　瞭</t>
  </si>
  <si>
    <t>田中　理</t>
  </si>
  <si>
    <t>宮郷　陽子</t>
  </si>
  <si>
    <t>斎藤　朋誉</t>
  </si>
  <si>
    <t>秋山　岳巨</t>
  </si>
  <si>
    <t>大倉　和也</t>
  </si>
  <si>
    <t>大久保　典江</t>
  </si>
  <si>
    <t>浪川　哲彦</t>
  </si>
  <si>
    <t>白子　裕理</t>
    <rPh sb="0" eb="2">
      <t>シラコ</t>
    </rPh>
    <rPh sb="3" eb="5">
      <t>ユウリ</t>
    </rPh>
    <phoneticPr fontId="1"/>
  </si>
  <si>
    <t>西垣　美沙緒</t>
  </si>
  <si>
    <t>大松　義明</t>
  </si>
  <si>
    <t>有田　苑子</t>
    <rPh sb="0" eb="2">
      <t>アリタ</t>
    </rPh>
    <rPh sb="3" eb="5">
      <t>ソノコ</t>
    </rPh>
    <phoneticPr fontId="1"/>
  </si>
  <si>
    <t>有吉　栄二</t>
  </si>
  <si>
    <t>井上　信治</t>
  </si>
  <si>
    <t>松﨑　砂織</t>
  </si>
  <si>
    <t>三木　雄介</t>
  </si>
  <si>
    <t>渕上　亜弓</t>
    <rPh sb="0" eb="2">
      <t>フチガミ</t>
    </rPh>
    <rPh sb="3" eb="5">
      <t>アユミ</t>
    </rPh>
    <phoneticPr fontId="1"/>
  </si>
  <si>
    <t>吉田　寿</t>
  </si>
  <si>
    <t>守山　達郎</t>
  </si>
  <si>
    <t>出川　隆正</t>
    <rPh sb="0" eb="2">
      <t>デガワ</t>
    </rPh>
    <rPh sb="3" eb="5">
      <t>タカマサ</t>
    </rPh>
    <phoneticPr fontId="1"/>
  </si>
  <si>
    <t>仙台白百合学園高等学校</t>
  </si>
  <si>
    <t>秋田県立秋田北鷹高等学校</t>
    <rPh sb="0" eb="2">
      <t>アキタ</t>
    </rPh>
    <rPh sb="2" eb="4">
      <t>ケンリツ</t>
    </rPh>
    <rPh sb="4" eb="6">
      <t>アキタ</t>
    </rPh>
    <rPh sb="6" eb="7">
      <t>キタ</t>
    </rPh>
    <rPh sb="7" eb="8">
      <t>タカ</t>
    </rPh>
    <rPh sb="8" eb="10">
      <t>コウトウ</t>
    </rPh>
    <rPh sb="10" eb="12">
      <t>ガッコウ</t>
    </rPh>
    <phoneticPr fontId="1"/>
  </si>
  <si>
    <t>羽黒高等学校</t>
  </si>
  <si>
    <t>聖徳大学附属取手聖徳女子高等学校</t>
  </si>
  <si>
    <t>栃木県立宇都宮中央高等学校</t>
  </si>
  <si>
    <t>千葉県立千葉高等学校</t>
  </si>
  <si>
    <t>桐光学園高等学校</t>
  </si>
  <si>
    <t>山梨県高等学校文化連盟（山梨県立甲府西高等学校）</t>
    <rPh sb="12" eb="14">
      <t>ヤマナシ</t>
    </rPh>
    <rPh sb="14" eb="16">
      <t>ケンリツ</t>
    </rPh>
    <rPh sb="16" eb="18">
      <t>コウフ</t>
    </rPh>
    <rPh sb="18" eb="19">
      <t>ニシ</t>
    </rPh>
    <rPh sb="19" eb="21">
      <t>コウトウ</t>
    </rPh>
    <rPh sb="21" eb="23">
      <t>ガッコウ</t>
    </rPh>
    <phoneticPr fontId="1"/>
  </si>
  <si>
    <t>星稜高等学校</t>
    <rPh sb="0" eb="2">
      <t>セイリョウ</t>
    </rPh>
    <rPh sb="2" eb="6">
      <t>コウトウガッコウ</t>
    </rPh>
    <phoneticPr fontId="1"/>
  </si>
  <si>
    <t>南山高等学校女子部</t>
    <rPh sb="2" eb="6">
      <t>コウトウガッコウ</t>
    </rPh>
    <phoneticPr fontId="1"/>
  </si>
  <si>
    <t>龍谷大学付属平安高等学校</t>
  </si>
  <si>
    <t>和歌山県立桐蔭高等学校</t>
    <rPh sb="7" eb="11">
      <t>コウトウガッコウ</t>
    </rPh>
    <phoneticPr fontId="1"/>
  </si>
  <si>
    <t>岡山県立玉野光南高等学校</t>
  </si>
  <si>
    <t>広島市立基町高等学校</t>
    <rPh sb="0" eb="2">
      <t>ヒロシマ</t>
    </rPh>
    <rPh sb="2" eb="4">
      <t>シリツ</t>
    </rPh>
    <rPh sb="4" eb="6">
      <t>モトマチ</t>
    </rPh>
    <rPh sb="6" eb="8">
      <t>コウトウ</t>
    </rPh>
    <rPh sb="8" eb="10">
      <t>ガッコウ</t>
    </rPh>
    <phoneticPr fontId="2"/>
  </si>
  <si>
    <t>山口県立長府高等学校</t>
  </si>
  <si>
    <t>徳島県立城南高等学校</t>
    <rPh sb="0" eb="2">
      <t>トクシマ</t>
    </rPh>
    <rPh sb="2" eb="4">
      <t>ケンリツ</t>
    </rPh>
    <rPh sb="4" eb="5">
      <t>キズキ</t>
    </rPh>
    <rPh sb="5" eb="6">
      <t>ミナミ</t>
    </rPh>
    <rPh sb="6" eb="8">
      <t>コウトウ</t>
    </rPh>
    <rPh sb="8" eb="10">
      <t>ガッコウ</t>
    </rPh>
    <phoneticPr fontId="1"/>
  </si>
  <si>
    <t>高知県立高知東高等学校</t>
    <rPh sb="0" eb="4">
      <t>コウチケンリツ</t>
    </rPh>
    <rPh sb="4" eb="6">
      <t>コウチ</t>
    </rPh>
    <rPh sb="6" eb="7">
      <t>ヒガシ</t>
    </rPh>
    <rPh sb="7" eb="9">
      <t>コウトウ</t>
    </rPh>
    <rPh sb="9" eb="11">
      <t>ガッコウ</t>
    </rPh>
    <phoneticPr fontId="1"/>
  </si>
  <si>
    <t>福岡県立福岡高等学校</t>
    <rPh sb="0" eb="10">
      <t>フクオカケンリツフクオカコウトウガッコウ</t>
    </rPh>
    <phoneticPr fontId="1"/>
  </si>
  <si>
    <t>鹿児島県立鹿屋高等学校</t>
  </si>
  <si>
    <t>022-777-5777</t>
  </si>
  <si>
    <t>0235-64-0851</t>
  </si>
  <si>
    <t>0297-83-8111</t>
  </si>
  <si>
    <t>028-622-1766</t>
  </si>
  <si>
    <t>043-227-7434</t>
  </si>
  <si>
    <t>03-5830-1731</t>
  </si>
  <si>
    <t>044-987-0519</t>
  </si>
  <si>
    <t>076-252-2237</t>
  </si>
  <si>
    <t>052-831-0704</t>
  </si>
  <si>
    <t>075-361-4231</t>
  </si>
  <si>
    <t>073-436-1366</t>
  </si>
  <si>
    <t>0863-51-2311</t>
  </si>
  <si>
    <t>082-221-1510</t>
  </si>
  <si>
    <t>083-245-0108</t>
  </si>
  <si>
    <t>088-652-8151</t>
  </si>
  <si>
    <t>088-845-5751</t>
  </si>
  <si>
    <t>092-651-4265</t>
  </si>
  <si>
    <t>0994-42-4145</t>
  </si>
  <si>
    <t>令和６年度　高校選手権（個人戦）取りまとめ先一覧（都道府県別）</t>
    <rPh sb="0" eb="2">
      <t>レイワ</t>
    </rPh>
    <rPh sb="3" eb="5">
      <t>ネンド</t>
    </rPh>
    <rPh sb="4" eb="5">
      <t>ド</t>
    </rPh>
    <rPh sb="6" eb="8">
      <t>コウコウ</t>
    </rPh>
    <rPh sb="8" eb="11">
      <t>センシュケン</t>
    </rPh>
    <rPh sb="12" eb="15">
      <t>コジンセン</t>
    </rPh>
    <rPh sb="16" eb="17">
      <t>ト</t>
    </rPh>
    <rPh sb="21" eb="22">
      <t>サキ</t>
    </rPh>
    <rPh sb="22" eb="24">
      <t>イチラン</t>
    </rPh>
    <rPh sb="25" eb="29">
      <t>トドウフケン</t>
    </rPh>
    <rPh sb="29" eb="30">
      <t>ベツ</t>
    </rPh>
    <phoneticPr fontId="1"/>
  </si>
  <si>
    <t>※変更の可能性あり　変わり次第改めて一覧を作成します。</t>
    <rPh sb="1" eb="3">
      <t>ヘンコウ</t>
    </rPh>
    <rPh sb="4" eb="7">
      <t>カノウセイ</t>
    </rPh>
    <rPh sb="10" eb="11">
      <t>カ</t>
    </rPh>
    <rPh sb="13" eb="15">
      <t>シダイ</t>
    </rPh>
    <rPh sb="15" eb="16">
      <t>アラタ</t>
    </rPh>
    <rPh sb="18" eb="20">
      <t>イチラン</t>
    </rPh>
    <rPh sb="21" eb="23">
      <t>サクセイ</t>
    </rPh>
    <phoneticPr fontId="1"/>
  </si>
  <si>
    <t>辻部　壮真</t>
    <rPh sb="0" eb="2">
      <t>ツジベ</t>
    </rPh>
    <rPh sb="3" eb="5">
      <t>ソウマ</t>
    </rPh>
    <phoneticPr fontId="1"/>
  </si>
  <si>
    <t>生野高等学校</t>
  </si>
  <si>
    <t>072-332-053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>
    <font>
      <sz val="11"/>
      <name val="ＭＳ ゴシック"/>
      <family val="3"/>
      <charset val="128"/>
    </font>
    <font>
      <sz val="6"/>
      <name val="ＭＳ ゴシック"/>
      <family val="3"/>
      <charset val="128"/>
    </font>
    <font>
      <u/>
      <sz val="11"/>
      <color theme="10"/>
      <name val="ＭＳ ゴシック"/>
      <family val="3"/>
      <charset val="128"/>
    </font>
    <font>
      <b/>
      <sz val="14"/>
      <color rgb="FF000000"/>
      <name val="MS PGothic"/>
      <family val="3"/>
    </font>
    <font>
      <sz val="7.5"/>
      <name val="MS PGothic"/>
      <family val="3"/>
    </font>
    <font>
      <sz val="9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MS ゴシック"/>
      <family val="3"/>
      <charset val="128"/>
    </font>
    <font>
      <sz val="10"/>
      <name val="ＭＳ ゴシック"/>
      <family val="3"/>
      <charset val="128"/>
    </font>
    <font>
      <sz val="11"/>
      <color rgb="FFFF0000"/>
      <name val="ＭＳ Ｐゴシック"/>
      <family val="3"/>
      <charset val="128"/>
      <scheme val="maj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2">
    <xf numFmtId="0" fontId="0" fillId="0" borderId="0"/>
    <xf numFmtId="0" fontId="2" fillId="0" borderId="0" applyNumberFormat="0" applyFill="0" applyBorder="0" applyAlignment="0" applyProtection="0">
      <alignment vertical="top"/>
      <protection locked="0"/>
    </xf>
  </cellStyleXfs>
  <cellXfs count="16">
    <xf numFmtId="0" fontId="0" fillId="0" borderId="0" xfId="0"/>
    <xf numFmtId="0" fontId="0" fillId="0" borderId="0" xfId="0" applyAlignment="1">
      <alignment horizontal="left" vertical="center"/>
    </xf>
    <xf numFmtId="0" fontId="0" fillId="0" borderId="1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7" fillId="0" borderId="1" xfId="0" applyFont="1" applyBorder="1" applyAlignment="1">
      <alignment horizontal="left" vertical="center"/>
    </xf>
    <xf numFmtId="0" fontId="0" fillId="0" borderId="1" xfId="1" applyFont="1" applyBorder="1" applyAlignment="1" applyProtection="1">
      <alignment horizontal="left" vertical="center"/>
    </xf>
    <xf numFmtId="0" fontId="8" fillId="0" borderId="1" xfId="0" applyFont="1" applyBorder="1" applyAlignment="1">
      <alignment horizontal="left" vertical="center"/>
    </xf>
    <xf numFmtId="0" fontId="7" fillId="0" borderId="2" xfId="0" applyFont="1" applyBorder="1" applyAlignment="1">
      <alignment horizontal="left" vertical="center"/>
    </xf>
    <xf numFmtId="0" fontId="4" fillId="0" borderId="0" xfId="0" applyFont="1" applyAlignment="1">
      <alignment horizontal="left" vertical="center" wrapText="1"/>
    </xf>
    <xf numFmtId="0" fontId="3" fillId="0" borderId="0" xfId="0" applyFont="1" applyAlignment="1">
      <alignment horizontal="left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6" fillId="0" borderId="0" xfId="0" applyFont="1" applyAlignment="1">
      <alignment horizontal="left" vertical="center" wrapText="1"/>
    </xf>
    <xf numFmtId="0" fontId="5" fillId="0" borderId="3" xfId="0" applyFont="1" applyBorder="1" applyAlignment="1">
      <alignment horizontal="left" vertical="center" wrapText="1"/>
    </xf>
    <xf numFmtId="0" fontId="9" fillId="0" borderId="4" xfId="0" applyFont="1" applyBorder="1" applyAlignment="1">
      <alignment horizontal="left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F56"/>
  <sheetViews>
    <sheetView tabSelected="1" zoomScaleNormal="100" workbookViewId="0">
      <selection activeCell="H49" sqref="H49"/>
    </sheetView>
  </sheetViews>
  <sheetFormatPr defaultRowHeight="13.5"/>
  <cols>
    <col min="1" max="1" width="3.5" style="1" customWidth="1"/>
    <col min="2" max="2" width="9" style="1"/>
    <col min="3" max="3" width="16.625" style="1" customWidth="1"/>
    <col min="4" max="4" width="42.625" style="1" customWidth="1"/>
    <col min="5" max="5" width="29.625" style="1" customWidth="1"/>
    <col min="6" max="16384" width="9" style="1"/>
  </cols>
  <sheetData>
    <row r="1" spans="1:5" ht="34.5" customHeight="1">
      <c r="A1" s="13" t="s">
        <v>190</v>
      </c>
      <c r="B1" s="13"/>
      <c r="C1" s="13"/>
      <c r="D1" s="13"/>
      <c r="E1" s="13"/>
    </row>
    <row r="2" spans="1:5" ht="21.75" customHeight="1">
      <c r="A2" s="14"/>
      <c r="B2" s="14"/>
      <c r="C2" s="14"/>
      <c r="D2" s="14"/>
      <c r="E2" s="14"/>
    </row>
    <row r="3" spans="1:5" s="12" customFormat="1" ht="21" customHeight="1">
      <c r="A3" s="10"/>
      <c r="B3" s="10" t="s">
        <v>68</v>
      </c>
      <c r="C3" s="11" t="s">
        <v>0</v>
      </c>
      <c r="D3" s="10" t="s">
        <v>70</v>
      </c>
      <c r="E3" s="10" t="s">
        <v>69</v>
      </c>
    </row>
    <row r="4" spans="1:5" ht="15.75" customHeight="1">
      <c r="A4" s="2">
        <v>1</v>
      </c>
      <c r="B4" s="2" t="s">
        <v>26</v>
      </c>
      <c r="C4" s="4" t="s">
        <v>72</v>
      </c>
      <c r="D4" s="2" t="s">
        <v>73</v>
      </c>
      <c r="E4" s="2" t="s">
        <v>90</v>
      </c>
    </row>
    <row r="5" spans="1:5" ht="15.75" customHeight="1">
      <c r="A5" s="2">
        <v>2</v>
      </c>
      <c r="B5" s="2" t="s">
        <v>22</v>
      </c>
      <c r="C5" s="3" t="s">
        <v>11</v>
      </c>
      <c r="D5" s="2" t="s">
        <v>83</v>
      </c>
      <c r="E5" s="2" t="s">
        <v>91</v>
      </c>
    </row>
    <row r="6" spans="1:5" ht="15.75" customHeight="1">
      <c r="A6" s="2">
        <v>3</v>
      </c>
      <c r="B6" s="2" t="s">
        <v>23</v>
      </c>
      <c r="C6" s="3" t="s">
        <v>107</v>
      </c>
      <c r="D6" s="2" t="s">
        <v>114</v>
      </c>
      <c r="E6" s="2" t="s">
        <v>121</v>
      </c>
    </row>
    <row r="7" spans="1:5" ht="15.75" customHeight="1">
      <c r="A7" s="2">
        <v>4</v>
      </c>
      <c r="B7" s="2" t="s">
        <v>24</v>
      </c>
      <c r="C7" s="3" t="s">
        <v>130</v>
      </c>
      <c r="D7" s="2" t="s">
        <v>153</v>
      </c>
      <c r="E7" s="2" t="s">
        <v>172</v>
      </c>
    </row>
    <row r="8" spans="1:5" ht="15.75" customHeight="1">
      <c r="A8" s="2">
        <v>5</v>
      </c>
      <c r="B8" s="2" t="s">
        <v>25</v>
      </c>
      <c r="C8" s="3" t="s">
        <v>129</v>
      </c>
      <c r="D8" s="2" t="s">
        <v>154</v>
      </c>
      <c r="E8" s="2" t="s">
        <v>13</v>
      </c>
    </row>
    <row r="9" spans="1:5" ht="15.75" customHeight="1">
      <c r="A9" s="2">
        <v>6</v>
      </c>
      <c r="B9" s="2" t="s">
        <v>27</v>
      </c>
      <c r="C9" s="3" t="s">
        <v>131</v>
      </c>
      <c r="D9" s="2" t="s">
        <v>155</v>
      </c>
      <c r="E9" s="5" t="s">
        <v>173</v>
      </c>
    </row>
    <row r="10" spans="1:5" ht="15.75" customHeight="1">
      <c r="A10" s="2">
        <v>7</v>
      </c>
      <c r="B10" s="2" t="s">
        <v>28</v>
      </c>
      <c r="C10" s="3" t="s">
        <v>132</v>
      </c>
      <c r="D10" s="2" t="s">
        <v>84</v>
      </c>
      <c r="E10" s="2" t="s">
        <v>92</v>
      </c>
    </row>
    <row r="11" spans="1:5" ht="15.75" customHeight="1">
      <c r="A11" s="2">
        <v>8</v>
      </c>
      <c r="B11" s="2" t="s">
        <v>29</v>
      </c>
      <c r="C11" s="3" t="s">
        <v>133</v>
      </c>
      <c r="D11" s="2" t="s">
        <v>156</v>
      </c>
      <c r="E11" s="2" t="s">
        <v>174</v>
      </c>
    </row>
    <row r="12" spans="1:5" ht="15.75" customHeight="1">
      <c r="A12" s="2">
        <v>9</v>
      </c>
      <c r="B12" s="2" t="s">
        <v>30</v>
      </c>
      <c r="C12" s="3" t="s">
        <v>134</v>
      </c>
      <c r="D12" s="2" t="s">
        <v>157</v>
      </c>
      <c r="E12" s="2" t="s">
        <v>175</v>
      </c>
    </row>
    <row r="13" spans="1:5" ht="15.75" customHeight="1">
      <c r="A13" s="2">
        <v>10</v>
      </c>
      <c r="B13" s="2" t="s">
        <v>31</v>
      </c>
      <c r="C13" s="3" t="s">
        <v>14</v>
      </c>
      <c r="D13" s="2" t="s">
        <v>15</v>
      </c>
      <c r="E13" s="2" t="s">
        <v>93</v>
      </c>
    </row>
    <row r="14" spans="1:5" ht="15.75" customHeight="1">
      <c r="A14" s="2">
        <v>11</v>
      </c>
      <c r="B14" s="2" t="s">
        <v>32</v>
      </c>
      <c r="C14" s="3" t="s">
        <v>77</v>
      </c>
      <c r="D14" s="2" t="s">
        <v>85</v>
      </c>
      <c r="E14" s="2" t="s">
        <v>94</v>
      </c>
    </row>
    <row r="15" spans="1:5" ht="15.75" customHeight="1">
      <c r="A15" s="2">
        <v>12</v>
      </c>
      <c r="B15" s="2" t="s">
        <v>33</v>
      </c>
      <c r="C15" s="3" t="s">
        <v>135</v>
      </c>
      <c r="D15" s="2" t="s">
        <v>158</v>
      </c>
      <c r="E15" s="2" t="s">
        <v>176</v>
      </c>
    </row>
    <row r="16" spans="1:5" ht="15.75" customHeight="1">
      <c r="A16" s="2">
        <v>13</v>
      </c>
      <c r="B16" s="2" t="s">
        <v>34</v>
      </c>
      <c r="C16" s="3" t="s">
        <v>108</v>
      </c>
      <c r="D16" s="2" t="s">
        <v>115</v>
      </c>
      <c r="E16" s="5" t="s">
        <v>177</v>
      </c>
    </row>
    <row r="17" spans="1:5" ht="15.75" customHeight="1">
      <c r="A17" s="2">
        <v>14</v>
      </c>
      <c r="B17" s="2" t="s">
        <v>35</v>
      </c>
      <c r="C17" s="3" t="s">
        <v>136</v>
      </c>
      <c r="D17" s="2" t="s">
        <v>159</v>
      </c>
      <c r="E17" s="2" t="s">
        <v>178</v>
      </c>
    </row>
    <row r="18" spans="1:5" ht="15.75" customHeight="1">
      <c r="A18" s="2">
        <v>15</v>
      </c>
      <c r="B18" s="2" t="s">
        <v>40</v>
      </c>
      <c r="C18" s="3" t="s">
        <v>137</v>
      </c>
      <c r="D18" s="6" t="s">
        <v>160</v>
      </c>
      <c r="E18" s="2" t="s">
        <v>95</v>
      </c>
    </row>
    <row r="19" spans="1:5" ht="15.75" customHeight="1">
      <c r="A19" s="2">
        <v>16</v>
      </c>
      <c r="B19" s="2" t="s">
        <v>36</v>
      </c>
      <c r="C19" s="3" t="s">
        <v>128</v>
      </c>
      <c r="D19" s="2" t="s">
        <v>2</v>
      </c>
      <c r="E19" s="2" t="s">
        <v>96</v>
      </c>
    </row>
    <row r="20" spans="1:5" ht="15.75" customHeight="1">
      <c r="A20" s="2">
        <v>17</v>
      </c>
      <c r="B20" s="2" t="s">
        <v>37</v>
      </c>
      <c r="C20" s="3" t="s">
        <v>138</v>
      </c>
      <c r="D20" s="2" t="s">
        <v>21</v>
      </c>
      <c r="E20" s="2" t="s">
        <v>71</v>
      </c>
    </row>
    <row r="21" spans="1:5" ht="15.75" customHeight="1">
      <c r="A21" s="2">
        <v>18</v>
      </c>
      <c r="B21" s="2" t="s">
        <v>38</v>
      </c>
      <c r="C21" s="3" t="s">
        <v>139</v>
      </c>
      <c r="D21" s="2" t="s">
        <v>161</v>
      </c>
      <c r="E21" s="2" t="s">
        <v>179</v>
      </c>
    </row>
    <row r="22" spans="1:5" ht="15.75" customHeight="1">
      <c r="A22" s="2">
        <v>19</v>
      </c>
      <c r="B22" s="2" t="s">
        <v>39</v>
      </c>
      <c r="C22" s="3" t="s">
        <v>109</v>
      </c>
      <c r="D22" s="2" t="s">
        <v>1</v>
      </c>
      <c r="E22" s="2" t="s">
        <v>97</v>
      </c>
    </row>
    <row r="23" spans="1:5" ht="15.75" customHeight="1">
      <c r="A23" s="2">
        <v>20</v>
      </c>
      <c r="B23" s="2" t="s">
        <v>43</v>
      </c>
      <c r="C23" s="3" t="s">
        <v>110</v>
      </c>
      <c r="D23" s="2" t="s">
        <v>116</v>
      </c>
      <c r="E23" s="5" t="s">
        <v>122</v>
      </c>
    </row>
    <row r="24" spans="1:5" ht="15.75" customHeight="1">
      <c r="A24" s="2">
        <v>21</v>
      </c>
      <c r="B24" s="2" t="s">
        <v>41</v>
      </c>
      <c r="C24" s="3" t="s">
        <v>111</v>
      </c>
      <c r="D24" s="2" t="s">
        <v>117</v>
      </c>
      <c r="E24" s="2" t="s">
        <v>123</v>
      </c>
    </row>
    <row r="25" spans="1:5" ht="15.75" customHeight="1">
      <c r="A25" s="2">
        <v>22</v>
      </c>
      <c r="B25" s="2" t="s">
        <v>42</v>
      </c>
      <c r="C25" s="3" t="s">
        <v>78</v>
      </c>
      <c r="D25" s="2" t="s">
        <v>118</v>
      </c>
      <c r="E25" s="2" t="s">
        <v>124</v>
      </c>
    </row>
    <row r="26" spans="1:5" ht="15.75" customHeight="1">
      <c r="A26" s="2">
        <v>23</v>
      </c>
      <c r="B26" s="2" t="s">
        <v>44</v>
      </c>
      <c r="C26" s="3" t="s">
        <v>140</v>
      </c>
      <c r="D26" s="2" t="s">
        <v>162</v>
      </c>
      <c r="E26" s="2" t="s">
        <v>180</v>
      </c>
    </row>
    <row r="27" spans="1:5" ht="15.75" customHeight="1">
      <c r="A27" s="2">
        <v>24</v>
      </c>
      <c r="B27" s="2" t="s">
        <v>45</v>
      </c>
      <c r="C27" s="3" t="s">
        <v>12</v>
      </c>
      <c r="D27" s="2" t="s">
        <v>18</v>
      </c>
      <c r="E27" s="2" t="s">
        <v>98</v>
      </c>
    </row>
    <row r="28" spans="1:5" ht="15.75" customHeight="1">
      <c r="A28" s="2">
        <v>25</v>
      </c>
      <c r="B28" s="2" t="s">
        <v>46</v>
      </c>
      <c r="C28" s="3" t="s">
        <v>141</v>
      </c>
      <c r="D28" s="2" t="s">
        <v>3</v>
      </c>
      <c r="E28" s="2" t="s">
        <v>8</v>
      </c>
    </row>
    <row r="29" spans="1:5" ht="15.75" customHeight="1">
      <c r="A29" s="2">
        <v>26</v>
      </c>
      <c r="B29" s="2" t="s">
        <v>47</v>
      </c>
      <c r="C29" s="3" t="s">
        <v>142</v>
      </c>
      <c r="D29" s="2" t="s">
        <v>163</v>
      </c>
      <c r="E29" s="2" t="s">
        <v>181</v>
      </c>
    </row>
    <row r="30" spans="1:5" ht="15.75" customHeight="1">
      <c r="A30" s="2">
        <v>27</v>
      </c>
      <c r="B30" s="2" t="s">
        <v>48</v>
      </c>
      <c r="C30" s="3" t="s">
        <v>192</v>
      </c>
      <c r="D30" s="2" t="s">
        <v>193</v>
      </c>
      <c r="E30" s="2" t="s">
        <v>194</v>
      </c>
    </row>
    <row r="31" spans="1:5" ht="15.75" customHeight="1">
      <c r="A31" s="2">
        <v>28</v>
      </c>
      <c r="B31" s="2" t="s">
        <v>49</v>
      </c>
      <c r="C31" s="3" t="s">
        <v>74</v>
      </c>
      <c r="D31" s="2" t="s">
        <v>20</v>
      </c>
      <c r="E31" s="2" t="s">
        <v>99</v>
      </c>
    </row>
    <row r="32" spans="1:5" ht="15.75" customHeight="1">
      <c r="A32" s="2">
        <v>29</v>
      </c>
      <c r="B32" s="2" t="s">
        <v>50</v>
      </c>
      <c r="C32" s="3" t="s">
        <v>112</v>
      </c>
      <c r="D32" s="2" t="s">
        <v>16</v>
      </c>
      <c r="E32" s="2" t="s">
        <v>125</v>
      </c>
    </row>
    <row r="33" spans="1:6" ht="15.75" customHeight="1">
      <c r="A33" s="2">
        <v>30</v>
      </c>
      <c r="B33" s="2" t="s">
        <v>51</v>
      </c>
      <c r="C33" s="3" t="s">
        <v>143</v>
      </c>
      <c r="D33" s="2" t="s">
        <v>164</v>
      </c>
      <c r="E33" s="2" t="s">
        <v>182</v>
      </c>
    </row>
    <row r="34" spans="1:6" ht="15.75" customHeight="1">
      <c r="A34" s="2">
        <v>31</v>
      </c>
      <c r="B34" s="2" t="s">
        <v>52</v>
      </c>
      <c r="C34" s="3" t="s">
        <v>79</v>
      </c>
      <c r="D34" s="2" t="s">
        <v>4</v>
      </c>
      <c r="E34" s="2" t="s">
        <v>100</v>
      </c>
    </row>
    <row r="35" spans="1:6" ht="15.75" customHeight="1">
      <c r="A35" s="2">
        <v>32</v>
      </c>
      <c r="B35" s="2" t="s">
        <v>53</v>
      </c>
      <c r="C35" s="3" t="s">
        <v>144</v>
      </c>
      <c r="D35" s="2" t="s">
        <v>5</v>
      </c>
      <c r="E35" s="2" t="s">
        <v>9</v>
      </c>
    </row>
    <row r="36" spans="1:6" ht="15.75" customHeight="1">
      <c r="A36" s="2">
        <v>33</v>
      </c>
      <c r="B36" s="2" t="s">
        <v>54</v>
      </c>
      <c r="C36" s="3" t="s">
        <v>145</v>
      </c>
      <c r="D36" s="2" t="s">
        <v>165</v>
      </c>
      <c r="E36" s="2" t="s">
        <v>183</v>
      </c>
    </row>
    <row r="37" spans="1:6" ht="15.75" customHeight="1">
      <c r="A37" s="2">
        <v>34</v>
      </c>
      <c r="B37" s="2" t="s">
        <v>55</v>
      </c>
      <c r="C37" s="3" t="s">
        <v>146</v>
      </c>
      <c r="D37" s="2" t="s">
        <v>166</v>
      </c>
      <c r="E37" s="2" t="s">
        <v>184</v>
      </c>
    </row>
    <row r="38" spans="1:6" ht="15.75" customHeight="1">
      <c r="A38" s="2">
        <v>35</v>
      </c>
      <c r="B38" s="2" t="s">
        <v>56</v>
      </c>
      <c r="C38" s="3" t="s">
        <v>147</v>
      </c>
      <c r="D38" s="2" t="s">
        <v>167</v>
      </c>
      <c r="E38" s="2" t="s">
        <v>185</v>
      </c>
    </row>
    <row r="39" spans="1:6" ht="15.75" customHeight="1">
      <c r="A39" s="2">
        <v>36</v>
      </c>
      <c r="B39" s="2" t="s">
        <v>57</v>
      </c>
      <c r="C39" s="3" t="s">
        <v>148</v>
      </c>
      <c r="D39" s="2" t="s">
        <v>168</v>
      </c>
      <c r="E39" s="2" t="s">
        <v>186</v>
      </c>
    </row>
    <row r="40" spans="1:6" ht="15.75" customHeight="1">
      <c r="A40" s="2">
        <v>37</v>
      </c>
      <c r="B40" s="2" t="s">
        <v>58</v>
      </c>
      <c r="C40" s="3" t="s">
        <v>19</v>
      </c>
      <c r="D40" s="2" t="s">
        <v>6</v>
      </c>
      <c r="E40" s="2" t="s">
        <v>10</v>
      </c>
    </row>
    <row r="41" spans="1:6" ht="15.75" customHeight="1">
      <c r="A41" s="2">
        <v>38</v>
      </c>
      <c r="B41" s="2" t="s">
        <v>59</v>
      </c>
      <c r="C41" s="3" t="s">
        <v>80</v>
      </c>
      <c r="D41" s="2" t="s">
        <v>119</v>
      </c>
      <c r="E41" s="2" t="s">
        <v>126</v>
      </c>
    </row>
    <row r="42" spans="1:6" ht="15.75" customHeight="1">
      <c r="A42" s="2">
        <v>39</v>
      </c>
      <c r="B42" s="2" t="s">
        <v>60</v>
      </c>
      <c r="C42" s="7" t="s">
        <v>81</v>
      </c>
      <c r="D42" s="2" t="s">
        <v>169</v>
      </c>
      <c r="E42" s="2" t="s">
        <v>187</v>
      </c>
    </row>
    <row r="43" spans="1:6" ht="15.75" customHeight="1">
      <c r="A43" s="2">
        <v>40</v>
      </c>
      <c r="B43" s="2" t="s">
        <v>76</v>
      </c>
      <c r="C43" s="3" t="s">
        <v>149</v>
      </c>
      <c r="D43" s="1" t="s">
        <v>170</v>
      </c>
      <c r="E43" s="2" t="s">
        <v>188</v>
      </c>
      <c r="F43" s="1" t="s">
        <v>191</v>
      </c>
    </row>
    <row r="44" spans="1:6" ht="15.75" customHeight="1">
      <c r="A44" s="2">
        <v>41</v>
      </c>
      <c r="B44" s="2" t="s">
        <v>61</v>
      </c>
      <c r="C44" s="3" t="s">
        <v>17</v>
      </c>
      <c r="D44" s="2" t="s">
        <v>86</v>
      </c>
      <c r="E44" s="2" t="s">
        <v>101</v>
      </c>
    </row>
    <row r="45" spans="1:6" ht="15.75" customHeight="1">
      <c r="A45" s="2">
        <v>42</v>
      </c>
      <c r="B45" s="2" t="s">
        <v>62</v>
      </c>
      <c r="C45" s="3" t="s">
        <v>150</v>
      </c>
      <c r="D45" s="2" t="s">
        <v>120</v>
      </c>
      <c r="E45" s="2" t="s">
        <v>127</v>
      </c>
    </row>
    <row r="46" spans="1:6" ht="15.75" customHeight="1">
      <c r="A46" s="2">
        <v>43</v>
      </c>
      <c r="B46" s="2" t="s">
        <v>63</v>
      </c>
      <c r="C46" s="3" t="s">
        <v>82</v>
      </c>
      <c r="D46" s="2" t="s">
        <v>87</v>
      </c>
      <c r="E46" s="2" t="s">
        <v>102</v>
      </c>
    </row>
    <row r="47" spans="1:6" ht="15.75" customHeight="1">
      <c r="A47" s="2">
        <v>44</v>
      </c>
      <c r="B47" s="2" t="s">
        <v>64</v>
      </c>
      <c r="C47" s="3" t="s">
        <v>151</v>
      </c>
      <c r="D47" s="2" t="s">
        <v>7</v>
      </c>
      <c r="E47" s="2" t="s">
        <v>103</v>
      </c>
    </row>
    <row r="48" spans="1:6" ht="15.75" customHeight="1">
      <c r="A48" s="2">
        <v>45</v>
      </c>
      <c r="B48" s="2" t="s">
        <v>65</v>
      </c>
      <c r="C48" s="3" t="s">
        <v>113</v>
      </c>
      <c r="D48" s="2" t="s">
        <v>88</v>
      </c>
      <c r="E48" s="2" t="s">
        <v>104</v>
      </c>
    </row>
    <row r="49" spans="1:5" ht="15.75" customHeight="1">
      <c r="A49" s="2">
        <v>46</v>
      </c>
      <c r="B49" s="2" t="s">
        <v>66</v>
      </c>
      <c r="C49" s="3" t="s">
        <v>152</v>
      </c>
      <c r="D49" s="2" t="s">
        <v>171</v>
      </c>
      <c r="E49" s="2" t="s">
        <v>189</v>
      </c>
    </row>
    <row r="50" spans="1:5" ht="15.75" customHeight="1">
      <c r="A50" s="2">
        <v>47</v>
      </c>
      <c r="B50" s="2" t="s">
        <v>67</v>
      </c>
      <c r="C50" s="3" t="s">
        <v>75</v>
      </c>
      <c r="D50" s="2" t="s">
        <v>89</v>
      </c>
      <c r="E50" s="2" t="s">
        <v>105</v>
      </c>
    </row>
    <row r="51" spans="1:5" ht="21" customHeight="1">
      <c r="A51" s="15" t="s">
        <v>106</v>
      </c>
      <c r="B51" s="15"/>
      <c r="C51" s="15"/>
      <c r="D51" s="15"/>
      <c r="E51" s="15"/>
    </row>
    <row r="53" spans="1:5">
      <c r="D53" s="8"/>
    </row>
    <row r="54" spans="1:5">
      <c r="D54" s="8"/>
    </row>
    <row r="55" spans="1:5">
      <c r="D55" s="8"/>
    </row>
    <row r="56" spans="1:5" ht="17.25">
      <c r="D56" s="9"/>
    </row>
  </sheetData>
  <mergeCells count="3">
    <mergeCell ref="A1:E1"/>
    <mergeCell ref="A2:E2"/>
    <mergeCell ref="A51:E51"/>
  </mergeCells>
  <phoneticPr fontId="1"/>
  <pageMargins left="0.54" right="0.17" top="0.75" bottom="0.75" header="0.3" footer="0.3"/>
  <pageSetup paperSize="9" scale="89" orientation="portrait" horizontalDpi="1200" verticalDpi="12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専門部役員</vt:lpstr>
      <vt:lpstr>専門部役員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toh Takesi</dc:creator>
  <cp:lastModifiedBy>好光 日髙</cp:lastModifiedBy>
  <cp:lastPrinted>2023-04-27T04:01:39Z</cp:lastPrinted>
  <dcterms:created xsi:type="dcterms:W3CDTF">2003-05-03T22:20:35Z</dcterms:created>
  <dcterms:modified xsi:type="dcterms:W3CDTF">2024-05-01T12:52:57Z</dcterms:modified>
</cp:coreProperties>
</file>